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5-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5-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ijdemer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9D9317E3-A8AD-0A45-63CA-522C31347A1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07852" y="4871739"/>
            <a:ext cx="2232295" cy="172779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F28BA6A5-288D-5E47-7DC4-2C3A3942360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36653" y="4033053"/>
            <a:ext cx="1647742" cy="127535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3-25T12:49:02Z</dcterms:modified>
</cp:coreProperties>
</file>